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A400948" w14:textId="77777777" w:rsidR="00236FA5" w:rsidRDefault="00236FA5" w:rsidP="00AB4009"/>
    <w:p w14:paraId="45B0D630" w14:textId="02A4E475" w:rsidR="008900B5" w:rsidRDefault="008900B5" w:rsidP="008900B5">
      <w:pPr>
        <w:pStyle w:val="Header"/>
      </w:pPr>
      <w:r>
        <w:t>{ XE "46-2.01D(3)(c)_N</w:t>
      </w:r>
      <w:r w:rsidR="00765670">
        <w:t>06</w:t>
      </w:r>
      <w:r>
        <w:t>-</w:t>
      </w:r>
      <w:r w:rsidR="00765670">
        <w:t>22</w:t>
      </w:r>
      <w:r>
        <w:t>-21__2018" }</w:t>
      </w:r>
    </w:p>
    <w:p w14:paraId="2C15D0C5" w14:textId="77777777" w:rsidR="008900B5" w:rsidRPr="008900B5" w:rsidRDefault="008900B5" w:rsidP="008900B5">
      <w:pPr>
        <w:pStyle w:val="Header"/>
      </w:pPr>
      <w:r w:rsidRPr="008900B5">
        <w:t xml:space="preserve">Page </w:t>
      </w:r>
      <w:r w:rsidRPr="008900B5">
        <w:fldChar w:fldCharType="begin"/>
      </w:r>
      <w:r w:rsidRPr="008900B5">
        <w:instrText xml:space="preserve"> PAGE </w:instrText>
      </w:r>
      <w:r w:rsidRPr="008900B5">
        <w:fldChar w:fldCharType="separate"/>
      </w:r>
      <w:r w:rsidRPr="008900B5">
        <w:t>1</w:t>
      </w:r>
      <w:r w:rsidRPr="008900B5">
        <w:fldChar w:fldCharType="end"/>
      </w:r>
      <w:r w:rsidRPr="008900B5">
        <w:t xml:space="preserve"> of </w:t>
      </w:r>
      <w:fldSimple w:instr=" NUMPAGES ">
        <w:r w:rsidRPr="008900B5">
          <w:t>1</w:t>
        </w:r>
      </w:fldSimple>
    </w:p>
    <w:p w14:paraId="5BF6ED88" w14:textId="77777777" w:rsidR="008900B5" w:rsidRDefault="008900B5" w:rsidP="008900B5">
      <w:pPr>
        <w:pStyle w:val="Header"/>
      </w:pPr>
    </w:p>
    <w:p w14:paraId="2B035DB0" w14:textId="77777777" w:rsidR="008900B5" w:rsidRDefault="008900B5" w:rsidP="008900B5">
      <w:pPr>
        <w:pStyle w:val="Header"/>
      </w:pPr>
    </w:p>
    <w:p w14:paraId="3B2DF644" w14:textId="6BF4DE2A" w:rsidR="008900B5" w:rsidRDefault="008900B5" w:rsidP="008900B5">
      <w:pPr>
        <w:pStyle w:val="Instructions"/>
      </w:pPr>
      <w:r>
        <w:t>Section 46-2.01D(3)(c). Use to specify acceptance criteria for ground anchor verification tests. Use with NSSP for sections 46-2.01B, 46-2.01C, 46-2.01D(2)(c), and 46-2</w:t>
      </w:r>
      <w:r w:rsidR="00765670">
        <w:t>.03E.</w:t>
      </w:r>
    </w:p>
    <w:p w14:paraId="6D4D538F" w14:textId="77777777" w:rsidR="008900B5" w:rsidRDefault="008900B5" w:rsidP="008900B5">
      <w:pPr>
        <w:pStyle w:val="Heading1NoTOC"/>
      </w:pPr>
      <w:r>
        <w:t>Add to section 46-2.01</w:t>
      </w:r>
      <w:proofErr w:type="gramStart"/>
      <w:r>
        <w:t>C(</w:t>
      </w:r>
      <w:proofErr w:type="gramEnd"/>
      <w:r>
        <w:t>3):</w:t>
      </w:r>
    </w:p>
    <w:p w14:paraId="4A8B9261" w14:textId="77777777" w:rsidR="008900B5" w:rsidRDefault="008900B5" w:rsidP="008900B5">
      <w:pPr>
        <w:pStyle w:val="Heading5"/>
      </w:pPr>
      <w:r>
        <w:t>46-2.01D(3)(c</w:t>
      </w:r>
      <w:proofErr w:type="gramStart"/>
      <w:r>
        <w:t>)  Verification</w:t>
      </w:r>
      <w:proofErr w:type="gramEnd"/>
      <w:r>
        <w:t xml:space="preserve"> Test Acceptance Criteria</w:t>
      </w:r>
    </w:p>
    <w:p w14:paraId="677B6FC6" w14:textId="77777777" w:rsidR="008900B5" w:rsidRPr="003F4310" w:rsidRDefault="008900B5" w:rsidP="008900B5">
      <w:r w:rsidRPr="003F4310">
        <w:t>Ground anchors that are</w:t>
      </w:r>
      <w:r>
        <w:t xml:space="preserve"> verification</w:t>
      </w:r>
      <w:r w:rsidRPr="003F4310">
        <w:t>-tested must comply with the following:</w:t>
      </w:r>
    </w:p>
    <w:p w14:paraId="057BE549" w14:textId="77777777" w:rsidR="008900B5" w:rsidRPr="003F4310" w:rsidRDefault="008900B5" w:rsidP="008900B5">
      <w:pPr>
        <w:pStyle w:val="Indent0Hanging"/>
      </w:pPr>
      <w:r w:rsidRPr="003F4310">
        <w:t>1.</w:t>
      </w:r>
      <w:r w:rsidRPr="003F4310">
        <w:tab/>
        <w:t xml:space="preserve">Total measured movement at the maximum test load minus the measured residual movement at the ending alignment load exceeds 80 percent of the theoretical elastic elongation of the sum of the </w:t>
      </w:r>
      <w:r>
        <w:t xml:space="preserve">tendon </w:t>
      </w:r>
      <w:r w:rsidRPr="003F4310">
        <w:t>unbonded length and the jacking length.</w:t>
      </w:r>
    </w:p>
    <w:p w14:paraId="7D17D9A3" w14:textId="77777777" w:rsidR="008900B5" w:rsidRPr="003F4310" w:rsidRDefault="008900B5" w:rsidP="008900B5">
      <w:pPr>
        <w:pStyle w:val="Indent0Hanging"/>
      </w:pPr>
      <w:r w:rsidRPr="003F4310">
        <w:t>2.</w:t>
      </w:r>
      <w:r w:rsidRPr="003F4310">
        <w:tab/>
        <w:t>Creep movement complies with one of the following:</w:t>
      </w:r>
    </w:p>
    <w:p w14:paraId="1705444B" w14:textId="77777777" w:rsidR="008900B5" w:rsidRPr="003F4310" w:rsidRDefault="008900B5" w:rsidP="008900B5">
      <w:pPr>
        <w:pStyle w:val="Indent1Hanging"/>
      </w:pPr>
      <w:r w:rsidRPr="003F4310">
        <w:t>2.1.</w:t>
      </w:r>
      <w:r w:rsidRPr="003F4310">
        <w:tab/>
        <w:t>For a 10-minute load hold, the creep movement measured from 1 to 10 minutes is less than 0.04 inch.</w:t>
      </w:r>
    </w:p>
    <w:p w14:paraId="4019B14F" w14:textId="77777777" w:rsidR="008900B5" w:rsidRDefault="008900B5" w:rsidP="008900B5">
      <w:pPr>
        <w:pStyle w:val="Indent1Hanging"/>
      </w:pPr>
      <w:r w:rsidRPr="003F4310">
        <w:t>2.2.</w:t>
      </w:r>
      <w:r w:rsidRPr="003F4310">
        <w:tab/>
        <w:t xml:space="preserve">For a 60-minute load hold, the creep movement measured from 6 to 60 minutes is less than 0.08 inch and the creep rate </w:t>
      </w:r>
      <w:proofErr w:type="gramStart"/>
      <w:r w:rsidRPr="003F4310">
        <w:t>is</w:t>
      </w:r>
      <w:proofErr w:type="gramEnd"/>
      <w:r w:rsidRPr="003F4310">
        <w:t xml:space="preserve"> linear or decreasing in time logarithmic scale from the 6- to the 60-minute reading.</w:t>
      </w:r>
    </w:p>
    <w:p w14:paraId="34B40927" w14:textId="77777777" w:rsidR="008900B5" w:rsidRPr="003F4310" w:rsidRDefault="008900B5" w:rsidP="008900B5">
      <w:pPr>
        <w:pStyle w:val="Indent0Hanging"/>
      </w:pPr>
    </w:p>
    <w:sectPr w:rsidR="008900B5" w:rsidRPr="003F4310" w:rsidSect="003620EA">
      <w:pgSz w:w="12240" w:h="15840"/>
      <w:pgMar w:top="1080" w:right="1080" w:bottom="1080" w:left="180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54C2658" w14:textId="77777777" w:rsidR="002D7356" w:rsidRDefault="002D7356">
      <w:r>
        <w:separator/>
      </w:r>
    </w:p>
  </w:endnote>
  <w:endnote w:type="continuationSeparator" w:id="0">
    <w:p w14:paraId="5E2D7695" w14:textId="77777777" w:rsidR="002D7356" w:rsidRDefault="002D735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E391B71" w14:textId="77777777" w:rsidR="002D7356" w:rsidRDefault="002D7356">
      <w:r>
        <w:separator/>
      </w:r>
    </w:p>
  </w:footnote>
  <w:footnote w:type="continuationSeparator" w:id="0">
    <w:p w14:paraId="3D8668C2" w14:textId="77777777" w:rsidR="002D7356" w:rsidRDefault="002D7356">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76"/>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900B5"/>
    <w:rsid w:val="00110F94"/>
    <w:rsid w:val="001615BF"/>
    <w:rsid w:val="00236FA5"/>
    <w:rsid w:val="0028786C"/>
    <w:rsid w:val="002D7356"/>
    <w:rsid w:val="00332818"/>
    <w:rsid w:val="003620EA"/>
    <w:rsid w:val="00455852"/>
    <w:rsid w:val="004622BA"/>
    <w:rsid w:val="004D55C3"/>
    <w:rsid w:val="004E147D"/>
    <w:rsid w:val="005F65F8"/>
    <w:rsid w:val="00647150"/>
    <w:rsid w:val="0067327B"/>
    <w:rsid w:val="006F2044"/>
    <w:rsid w:val="00765670"/>
    <w:rsid w:val="008900B5"/>
    <w:rsid w:val="009913BE"/>
    <w:rsid w:val="009F6909"/>
    <w:rsid w:val="00A06F9C"/>
    <w:rsid w:val="00A841D4"/>
    <w:rsid w:val="00AB4009"/>
    <w:rsid w:val="00AE1462"/>
    <w:rsid w:val="00AE311F"/>
    <w:rsid w:val="00AE352A"/>
    <w:rsid w:val="00B13C3B"/>
    <w:rsid w:val="00B87D46"/>
    <w:rsid w:val="00BD7592"/>
    <w:rsid w:val="00C425D7"/>
    <w:rsid w:val="00C955DF"/>
    <w:rsid w:val="00C9754D"/>
    <w:rsid w:val="00CB7486"/>
    <w:rsid w:val="00CF0752"/>
    <w:rsid w:val="00D9083B"/>
    <w:rsid w:val="00DF2653"/>
    <w:rsid w:val="00E2507C"/>
    <w:rsid w:val="00EA73BE"/>
    <w:rsid w:val="00F82002"/>
    <w:rsid w:val="00FB18B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821E126"/>
  <w15:docId w15:val="{86F0F731-50E4-4CA2-B649-5F235783B94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table of authorities" w:semiHidden="1" w:unhideWhenUsed="1"/>
    <w:lsdException w:name="macro"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7486"/>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151\AppData\Roaming\Microsoft\Templates\2018_template_10-19-18.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2018_template_10-19-18.dotx</Template>
  <TotalTime>1</TotalTime>
  <Pages>1</Pages>
  <Words>126</Words>
  <Characters>894</Characters>
  <Application>Microsoft Office Word</Application>
  <DocSecurity>0</DocSecurity>
  <Lines>7</Lines>
  <Paragraphs>2</Paragraphs>
  <ScaleCrop>false</ScaleCrop>
  <HeadingPairs>
    <vt:vector size="2" baseType="variant">
      <vt:variant>
        <vt:lpstr>Title</vt:lpstr>
      </vt:variant>
      <vt:variant>
        <vt:i4>1</vt:i4>
      </vt:variant>
    </vt:vector>
  </HeadingPairs>
  <TitlesOfParts>
    <vt:vector size="1" baseType="lpstr">
      <vt:lpstr>46-2.01D(3)(c)_N06-22-21_2018 Verification Test Acceptance Criteria</vt:lpstr>
    </vt:vector>
  </TitlesOfParts>
  <Company>Caltrans</Company>
  <LinksUpToDate>false</LinksUpToDate>
  <CharactersWithSpaces>101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46-2.01D(3)(c) N06-22-21_2018 Verification Test Acceptance Criteria</dc:title>
  <dc:subject/>
  <dc:creator>Ellingson, Kevin L@DOT</dc:creator>
  <cp:keywords/>
  <cp:lastModifiedBy>Maruca, Joseph@DOT</cp:lastModifiedBy>
  <cp:revision>4</cp:revision>
  <cp:lastPrinted>2001-02-23T19:38:00Z</cp:lastPrinted>
  <dcterms:created xsi:type="dcterms:W3CDTF">2021-09-28T23:02:00Z</dcterms:created>
  <dcterms:modified xsi:type="dcterms:W3CDTF">2021-09-29T15:48:00Z</dcterms:modified>
</cp:coreProperties>
</file>